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38\"/>
    </mc:Choice>
  </mc:AlternateContent>
  <xr:revisionPtr revIDLastSave="0" documentId="13_ncr:1_{184807E2-CF2E-4099-BB91-5D54290A0823}" xr6:coauthVersionLast="47" xr6:coauthVersionMax="47" xr10:uidLastSave="{00000000-0000-0000-0000-000000000000}"/>
  <bookViews>
    <workbookView xWindow="-120" yWindow="-120" windowWidth="29040" windowHeight="15840" xr2:uid="{BB85ECFC-331D-4F02-820C-1B9924FD33BD}"/>
  </bookViews>
  <sheets>
    <sheet name="238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8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3" uniqueCount="32">
  <si>
    <t>名称№２３８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腰掛布団改修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客室腰掛布団</t>
  </si>
  <si>
    <t>一般席・5人掛用（8000形車両）</t>
  </si>
  <si>
    <t>本</t>
  </si>
  <si>
    <t>一般席・4人掛用（8000形車両）</t>
  </si>
  <si>
    <t>専用席・4人掛用（8000形車両）</t>
  </si>
  <si>
    <t>モケット張替（5000形車両）</t>
  </si>
  <si>
    <t>詰物含むモケット張替（5000形車両）</t>
    <rPh sb="16" eb="18">
      <t>シャリョウ</t>
    </rPh>
    <phoneticPr fontId="4"/>
  </si>
  <si>
    <t>運転手腰掛背ズリ布団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994A4E32-893B-4462-B064-61C114F4D544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463598-A8E4-42F5-9D47-BD41F196E1AC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K15" sqref="K15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28</v>
      </c>
      <c r="G9" s="26"/>
      <c r="H9" s="27"/>
    </row>
    <row r="10" spans="1:10" ht="24.95" customHeight="1" x14ac:dyDescent="0.15">
      <c r="A10" s="20">
        <v>1</v>
      </c>
      <c r="B10" s="28" t="s">
        <v>12</v>
      </c>
      <c r="C10" s="29">
        <v>2</v>
      </c>
      <c r="D10" s="30" t="s">
        <v>15</v>
      </c>
      <c r="E10" s="31" t="s">
        <v>14</v>
      </c>
      <c r="F10" s="25">
        <v>38</v>
      </c>
      <c r="G10" s="32"/>
      <c r="H10" s="27"/>
    </row>
    <row r="11" spans="1:10" ht="24.95" customHeight="1" x14ac:dyDescent="0.15">
      <c r="A11" s="20">
        <v>1</v>
      </c>
      <c r="B11" s="28" t="s">
        <v>12</v>
      </c>
      <c r="C11" s="29">
        <v>3</v>
      </c>
      <c r="D11" s="30" t="s">
        <v>16</v>
      </c>
      <c r="E11" s="31" t="s">
        <v>14</v>
      </c>
      <c r="F11" s="25">
        <v>12</v>
      </c>
      <c r="G11" s="32"/>
      <c r="H11" s="27"/>
    </row>
    <row r="12" spans="1:10" ht="24.95" customHeight="1" x14ac:dyDescent="0.15">
      <c r="A12" s="20">
        <v>1</v>
      </c>
      <c r="B12" s="28" t="s">
        <v>12</v>
      </c>
      <c r="C12" s="29">
        <v>4</v>
      </c>
      <c r="D12" s="30" t="s">
        <v>17</v>
      </c>
      <c r="E12" s="31" t="s">
        <v>14</v>
      </c>
      <c r="F12" s="25">
        <v>10</v>
      </c>
      <c r="G12" s="32"/>
      <c r="H12" s="27"/>
    </row>
    <row r="13" spans="1:10" ht="24.95" customHeight="1" x14ac:dyDescent="0.15">
      <c r="A13" s="33">
        <v>1</v>
      </c>
      <c r="B13" s="34" t="s">
        <v>12</v>
      </c>
      <c r="C13" s="33">
        <v>5</v>
      </c>
      <c r="D13" s="35" t="s">
        <v>18</v>
      </c>
      <c r="E13" s="36" t="s">
        <v>14</v>
      </c>
      <c r="F13" s="37">
        <v>200</v>
      </c>
      <c r="G13" s="38"/>
      <c r="H13" s="39"/>
    </row>
    <row r="14" spans="1:10" ht="24.95" customHeight="1" x14ac:dyDescent="0.15">
      <c r="A14" s="20">
        <v>2</v>
      </c>
      <c r="B14" s="40" t="s">
        <v>19</v>
      </c>
      <c r="C14" s="20">
        <v>1</v>
      </c>
      <c r="D14" s="41" t="s">
        <v>18</v>
      </c>
      <c r="E14" s="42" t="s">
        <v>14</v>
      </c>
      <c r="F14" s="43">
        <v>10</v>
      </c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20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21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22</v>
      </c>
      <c r="H42" s="56"/>
    </row>
    <row r="43" spans="1:8" ht="20.100000000000001" customHeight="1" x14ac:dyDescent="0.15">
      <c r="A43" s="56"/>
      <c r="B43" s="56" t="s">
        <v>23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4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5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6</v>
      </c>
      <c r="E46" s="56"/>
      <c r="F46" s="56"/>
      <c r="G46" s="56"/>
      <c r="H46" s="57" t="s">
        <v>27</v>
      </c>
    </row>
    <row r="47" spans="1:8" ht="20.100000000000001" customHeight="1" x14ac:dyDescent="0.15">
      <c r="A47" s="56"/>
      <c r="B47" s="56"/>
      <c r="C47" s="56"/>
      <c r="D47" s="57" t="s">
        <v>28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9</v>
      </c>
      <c r="E49" s="56"/>
      <c r="F49" s="59"/>
      <c r="G49" s="56"/>
      <c r="H49" s="57" t="s">
        <v>27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30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31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8</vt:lpstr>
      <vt:lpstr>'238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6:57Z</dcterms:created>
  <dcterms:modified xsi:type="dcterms:W3CDTF">2023-02-22T05:01:28Z</dcterms:modified>
</cp:coreProperties>
</file>